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62" r:id="rId3"/>
    <p:sldId id="293" r:id="rId4"/>
    <p:sldId id="294" r:id="rId5"/>
    <p:sldId id="301" r:id="rId6"/>
    <p:sldId id="270" r:id="rId7"/>
    <p:sldId id="271" r:id="rId8"/>
    <p:sldId id="273" r:id="rId9"/>
    <p:sldId id="274" r:id="rId10"/>
    <p:sldId id="275" r:id="rId11"/>
    <p:sldId id="276" r:id="rId12"/>
    <p:sldId id="278" r:id="rId13"/>
    <p:sldId id="279" r:id="rId14"/>
    <p:sldId id="284" r:id="rId15"/>
    <p:sldId id="287" r:id="rId16"/>
    <p:sldId id="288" r:id="rId17"/>
    <p:sldId id="299" r:id="rId18"/>
    <p:sldId id="300" r:id="rId19"/>
    <p:sldId id="289" r:id="rId20"/>
    <p:sldId id="290" r:id="rId21"/>
    <p:sldId id="291" r:id="rId22"/>
    <p:sldId id="298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ambria Math" panose="02040503050406030204" pitchFamily="18" charset="0"/>
      <p:regular r:id="rId37"/>
    </p:embeddedFont>
    <p:embeddedFont>
      <p:font typeface="Georgia" panose="02040502050405020303" pitchFamily="18" charset="0"/>
      <p:regular r:id="rId38"/>
      <p:bold r:id="rId39"/>
      <p:italic r:id="rId40"/>
      <p:boldItalic r:id="rId41"/>
    </p:embeddedFont>
    <p:embeddedFont>
      <p:font typeface="Trebuchet MS" panose="020B0703020202090204" pitchFamily="34" charset="0"/>
      <p:regular r:id="rId42"/>
      <p:bold r:id="rId43"/>
      <p:italic r:id="rId44"/>
    </p:embeddedFont>
    <p:embeddedFont>
      <p:font typeface="Wingdings 3" pitchFamily="2" charset="2"/>
      <p:regular r:id="rId4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9F00"/>
    <a:srgbClr val="ADDACC"/>
    <a:srgbClr val="009E73"/>
    <a:srgbClr val="0171B2"/>
    <a:srgbClr val="A9A9A9"/>
    <a:srgbClr val="ADCAE2"/>
    <a:srgbClr val="B7CBDB"/>
    <a:srgbClr val="C0C0C0"/>
    <a:srgbClr val="009000"/>
    <a:srgbClr val="04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29" autoAdjust="0"/>
    <p:restoredTop sz="96296" autoAdjust="0"/>
  </p:normalViewPr>
  <p:slideViewPr>
    <p:cSldViewPr snapToObjects="1" showGuides="1">
      <p:cViewPr varScale="1">
        <p:scale>
          <a:sx n="123" d="100"/>
          <a:sy n="123" d="100"/>
        </p:scale>
        <p:origin x="568" y="17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47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font" Target="fonts/font19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font" Target="fonts/font1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font" Target="fonts/font17.fntdata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13th June 2022 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Monday meeting</a:t>
            </a: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06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13th July 2022 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Monday meeting</a:t>
            </a: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3.png"/><Relationship Id="rId5" Type="http://schemas.openxmlformats.org/officeDocument/2006/relationships/image" Target="../media/image39.png"/><Relationship Id="rId4" Type="http://schemas.openxmlformats.org/officeDocument/2006/relationships/image" Target="../media/image4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4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3.png"/><Relationship Id="rId5" Type="http://schemas.openxmlformats.org/officeDocument/2006/relationships/image" Target="../media/image39.png"/><Relationship Id="rId4" Type="http://schemas.openxmlformats.org/officeDocument/2006/relationships/image" Target="../media/image4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4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25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13.xml"/><Relationship Id="rId21" Type="http://schemas.openxmlformats.org/officeDocument/2006/relationships/image" Target="../media/image61.png"/><Relationship Id="rId7" Type="http://schemas.openxmlformats.org/officeDocument/2006/relationships/image" Target="../media/image51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28.svg"/><Relationship Id="rId20" Type="http://schemas.openxmlformats.org/officeDocument/2006/relationships/image" Target="../media/image60.png"/><Relationship Id="rId1" Type="http://schemas.openxmlformats.org/officeDocument/2006/relationships/tags" Target="../tags/tag14.xml"/><Relationship Id="rId6" Type="http://schemas.openxmlformats.org/officeDocument/2006/relationships/image" Target="../media/image46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45.png"/><Relationship Id="rId15" Type="http://schemas.openxmlformats.org/officeDocument/2006/relationships/image" Target="../media/image27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.png"/><Relationship Id="rId9" Type="http://schemas.openxmlformats.org/officeDocument/2006/relationships/image" Target="../media/image53.png"/><Relationship Id="rId14" Type="http://schemas.openxmlformats.org/officeDocument/2006/relationships/image" Target="../media/image26.svg"/><Relationship Id="rId22" Type="http://schemas.openxmlformats.org/officeDocument/2006/relationships/image" Target="../media/image62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14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49.png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47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5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5" Type="http://schemas.openxmlformats.org/officeDocument/2006/relationships/image" Target="../media/image67.png"/><Relationship Id="rId4" Type="http://schemas.openxmlformats.org/officeDocument/2006/relationships/image" Target="../media/image5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68.png"/><Relationship Id="rId4" Type="http://schemas.openxmlformats.org/officeDocument/2006/relationships/image" Target="../media/image50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notesSlide" Target="../notesSlides/notesSlide20.xml"/><Relationship Id="rId7" Type="http://schemas.openxmlformats.org/officeDocument/2006/relationships/image" Target="../media/image2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3.png"/><Relationship Id="rId3" Type="http://schemas.openxmlformats.org/officeDocument/2006/relationships/notesSlide" Target="../notesSlides/notesSlide21.xml"/><Relationship Id="rId7" Type="http://schemas.openxmlformats.org/officeDocument/2006/relationships/image" Target="../media/image7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71.jpeg"/><Relationship Id="rId5" Type="http://schemas.openxmlformats.org/officeDocument/2006/relationships/image" Target="../media/image70.png"/><Relationship Id="rId10" Type="http://schemas.openxmlformats.org/officeDocument/2006/relationships/image" Target="../media/image75.jpeg"/><Relationship Id="rId4" Type="http://schemas.openxmlformats.org/officeDocument/2006/relationships/image" Target="../media/image69.png"/><Relationship Id="rId9" Type="http://schemas.openxmlformats.org/officeDocument/2006/relationships/image" Target="../media/image74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14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8.svg"/><Relationship Id="rId12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svg"/><Relationship Id="rId12" Type="http://schemas.openxmlformats.org/officeDocument/2006/relationships/image" Target="../media/image33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.png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11" Type="http://schemas.openxmlformats.org/officeDocument/2006/relationships/image" Target="../media/image32.svg"/><Relationship Id="rId5" Type="http://schemas.openxmlformats.org/officeDocument/2006/relationships/image" Target="../media/image26.svg"/><Relationship Id="rId15" Type="http://schemas.openxmlformats.org/officeDocument/2006/relationships/image" Target="../media/image36.png"/><Relationship Id="rId10" Type="http://schemas.openxmlformats.org/officeDocument/2006/relationships/image" Target="../media/image31.png"/><Relationship Id="rId4" Type="http://schemas.openxmlformats.org/officeDocument/2006/relationships/image" Target="../media/image25.png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39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4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3.png"/><Relationship Id="rId5" Type="http://schemas.openxmlformats.org/officeDocument/2006/relationships/image" Target="../media/image39.png"/><Relationship Id="rId4" Type="http://schemas.openxmlformats.org/officeDocument/2006/relationships/image" Target="../media/image4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TRAILS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863B1A4E-DB1C-9A42-81B4-B3D406C0B8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048" y="2012681"/>
            <a:ext cx="5072906" cy="31705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2">
            <a:extLst>
              <a:ext uri="{FF2B5EF4-FFF2-40B4-BE49-F238E27FC236}">
                <a16:creationId xmlns:a16="http://schemas.microsoft.com/office/drawing/2014/main" id="{308609F6-EB21-F34E-BC65-DC1BC462E7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1794" y="1625117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4" name="Picture 10">
            <a:extLst>
              <a:ext uri="{FF2B5EF4-FFF2-40B4-BE49-F238E27FC236}">
                <a16:creationId xmlns:a16="http://schemas.microsoft.com/office/drawing/2014/main" id="{6728CA3B-5FBB-F742-933F-B5149FBB18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005" y="1444797"/>
            <a:ext cx="6106511" cy="43253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9B8B110A-1134-F74D-92B0-04BD0070185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91" t="3511" r="3091" b="3794"/>
          <a:stretch/>
        </p:blipFill>
        <p:spPr bwMode="auto">
          <a:xfrm>
            <a:off x="1557907" y="1196752"/>
            <a:ext cx="4813162" cy="4755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4779220" y="1772816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1105" y="4665577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5689" y="4443617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363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50055" y="4058562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8696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1483" y="3514378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3157868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7391" r="-4348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4983" y="2558620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66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6624" y="1352149"/>
                <a:ext cx="2509130" cy="845103"/>
              </a:xfrm>
              <a:prstGeom prst="rect">
                <a:avLst/>
              </a:prstGeom>
              <a:blipFill>
                <a:blip r:embed="rId25"/>
                <a:stretch>
                  <a:fillRect l="-8040" t="-16418" b="-74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73305" y="1351924"/>
                <a:ext cx="2509130" cy="847091"/>
              </a:xfrm>
              <a:prstGeom prst="rect">
                <a:avLst/>
              </a:prstGeom>
              <a:blipFill>
                <a:blip r:embed="rId26"/>
                <a:stretch>
                  <a:fillRect t="-16176" r="-9091" b="-58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4100" name="Picture 4">
            <a:extLst>
              <a:ext uri="{FF2B5EF4-FFF2-40B4-BE49-F238E27FC236}">
                <a16:creationId xmlns:a16="http://schemas.microsoft.com/office/drawing/2014/main" id="{18DBBB0F-FB48-8F4B-BB09-0EE02B5A7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51" b="6951"/>
          <a:stretch/>
        </p:blipFill>
        <p:spPr bwMode="auto">
          <a:xfrm>
            <a:off x="6454452" y="1268760"/>
            <a:ext cx="5384697" cy="4636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39" name="Picture 2">
            <a:extLst>
              <a:ext uri="{FF2B5EF4-FFF2-40B4-BE49-F238E27FC236}">
                <a16:creationId xmlns:a16="http://schemas.microsoft.com/office/drawing/2014/main" id="{957F928C-661E-B449-A70A-2F51791A57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1" name="Group 20">
            <a:extLst>
              <a:ext uri="{FF2B5EF4-FFF2-40B4-BE49-F238E27FC236}">
                <a16:creationId xmlns:a16="http://schemas.microsoft.com/office/drawing/2014/main" id="{74C4D2D7-68D0-E749-AED2-8E330E806B42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385CAFD1-65E0-8748-AE27-ADEB82C8E7B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06F4D2AD-631D-144C-990F-52F6CD9DE9B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16B82C46-B935-754A-B5AC-A98ED7771CA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29326CD5-B740-6D4D-97DA-A1138753A0A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ED408096-B621-7143-9A95-572A7B0E3B2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BD5216E1-B5F7-D44A-9548-F17A0F6D2F8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FEBB2FC4-3F40-EC4C-8B30-5040917AE4F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9FC9EAE1-E606-AE45-9AEA-68805F03A166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AC5F82B7-0DB7-1343-A156-77CF12116DC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53A246F6-288A-D541-B5D4-0C1D4ECD75B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5ADD550-76C8-8646-B77F-2999E46F98B6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AF17B2CB-FA22-3947-A152-5C39333041B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B162DCFD-ADC7-4C45-AF91-77342FCAF569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CC9EAF71-8F36-FB40-871B-D5E3A7EA30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1E50F36-360C-E540-8F5F-55B28128D59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0728DEB-B124-D24D-97BE-12071FBDDA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2">
            <a:extLst>
              <a:ext uri="{FF2B5EF4-FFF2-40B4-BE49-F238E27FC236}">
                <a16:creationId xmlns:a16="http://schemas.microsoft.com/office/drawing/2014/main" id="{642D59FE-51F9-A240-9C35-4A654C3883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4704745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4704745" y="3269256"/>
            <a:ext cx="432048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13884" y="3754876"/>
            <a:ext cx="289622" cy="1381201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0874" h="2895218">
                <a:moveTo>
                  <a:pt x="185872" y="2895218"/>
                </a:moveTo>
                <a:cubicBezTo>
                  <a:pt x="151948" y="1586688"/>
                  <a:pt x="163501" y="2047446"/>
                  <a:pt x="133813" y="1604101"/>
                </a:cubicBezTo>
                <a:cubicBezTo>
                  <a:pt x="104125" y="1160755"/>
                  <a:pt x="-33821" y="485516"/>
                  <a:pt x="7742" y="235145"/>
                </a:cubicBezTo>
                <a:cubicBezTo>
                  <a:pt x="49305" y="-15226"/>
                  <a:pt x="165089" y="-5825"/>
                  <a:pt x="280874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2903" y="3754876"/>
            <a:ext cx="902791" cy="1941249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37429" y="396143"/>
                  <a:pt x="287169" y="704061"/>
                </a:cubicBezTo>
                <a:cubicBezTo>
                  <a:pt x="336909" y="1011979"/>
                  <a:pt x="452434" y="1591588"/>
                  <a:pt x="524899" y="1937408"/>
                </a:cubicBezTo>
                <a:cubicBezTo>
                  <a:pt x="597364" y="2283228"/>
                  <a:pt x="629678" y="2401486"/>
                  <a:pt x="721957" y="2778982"/>
                </a:cubicBezTo>
                <a:cubicBezTo>
                  <a:pt x="795976" y="3098806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  <a:endCxn id="64" idx="2"/>
          </p:cNvCxnSpPr>
          <p:nvPr/>
        </p:nvCxnSpPr>
        <p:spPr bwMode="auto">
          <a:xfrm>
            <a:off x="1394003" y="1396917"/>
            <a:ext cx="0" cy="187233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 flipV="1">
            <a:off x="1303124" y="3269256"/>
            <a:ext cx="181758" cy="974803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60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60035"/>
              </a:xfrm>
              <a:prstGeom prst="rect">
                <a:avLst/>
              </a:prstGeom>
              <a:blipFill>
                <a:blip r:embed="rId5"/>
                <a:stretch>
                  <a:fillRect l="-10417" t="-3333" r="-208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Rectangle 32">
            <a:extLst>
              <a:ext uri="{FF2B5EF4-FFF2-40B4-BE49-F238E27FC236}">
                <a16:creationId xmlns:a16="http://schemas.microsoft.com/office/drawing/2014/main" id="{FD2AF1CE-D06B-A446-A281-40BC45BE608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FD17BD05-2B4F-9849-8822-F8404AD9CC27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AC91696-8955-2D47-A664-8392D6AF3F4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851F1FEF-6014-A544-A8FE-7CA601B1267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064EE540-7544-B649-835D-5F7DB2A6865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1A1E4FE-8A3D-7142-8D41-1D1C1EE3DDD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AB46A604-4669-1449-8117-41BB4D24DC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5BF672A5-9583-B142-8ED7-4D9B6248A65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CDBD01FE-B60B-1E48-9983-C3678C79D62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F168F0E-D548-6343-870B-0C15993016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4CA38D6C-A6E3-FA4A-B050-739DC9FF412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9778B17C-E0D9-6947-A3A7-15F1A4A8FCE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F4A92F47-ACC1-1548-991A-6DFC9880F17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B99BD059-871B-7A4A-A2F1-E00453446C7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13BA33FD-7FBE-7241-84F6-1FBD6AA6C708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9BD8FD7-EB7E-844C-B63B-0FDFD349F3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DA0781DB-3E53-634B-A980-FB2F2279D73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7054F031-41E7-9240-B556-64D6BFD0B4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36" name="Picture 2">
            <a:extLst>
              <a:ext uri="{FF2B5EF4-FFF2-40B4-BE49-F238E27FC236}">
                <a16:creationId xmlns:a16="http://schemas.microsoft.com/office/drawing/2014/main" id="{3EB37451-8890-344C-BC2C-D73F9AF2E4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7085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7" name="Rectangle 36">
            <a:extLst>
              <a:ext uri="{FF2B5EF4-FFF2-40B4-BE49-F238E27FC236}">
                <a16:creationId xmlns:a16="http://schemas.microsoft.com/office/drawing/2014/main" id="{C4F9AD04-F12F-174E-9AB6-CC389DB27B62}"/>
              </a:ext>
            </a:extLst>
          </p:cNvPr>
          <p:cNvSpPr/>
          <p:nvPr/>
        </p:nvSpPr>
        <p:spPr bwMode="auto">
          <a:xfrm>
            <a:off x="5142155" y="1589298"/>
            <a:ext cx="182880" cy="167995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266290C-2160-334F-AFDF-A7491C0ADA4E}"/>
              </a:ext>
            </a:extLst>
          </p:cNvPr>
          <p:cNvSpPr/>
          <p:nvPr/>
        </p:nvSpPr>
        <p:spPr bwMode="auto">
          <a:xfrm>
            <a:off x="5142155" y="3269256"/>
            <a:ext cx="182880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7B9BD424-E251-9A41-BC72-992B3C3FF81A}"/>
              </a:ext>
            </a:extLst>
          </p:cNvPr>
          <p:cNvSpPr txBox="1"/>
          <p:nvPr/>
        </p:nvSpPr>
        <p:spPr>
          <a:xfrm>
            <a:off x="995750" y="1412776"/>
            <a:ext cx="4387676" cy="63094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3378426" y="1196752"/>
            <a:ext cx="5430974" cy="47221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TRAIL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80767C1-449F-FE43-B949-96F4FA63AE4F}"/>
              </a:ext>
            </a:extLst>
          </p:cNvPr>
          <p:cNvSpPr txBox="1"/>
          <p:nvPr/>
        </p:nvSpPr>
        <p:spPr>
          <a:xfrm>
            <a:off x="995750" y="1412776"/>
            <a:ext cx="4483600" cy="240065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995750" y="1412776"/>
            <a:ext cx="4988545" cy="417037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 and introgress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BEB0267-AC2C-B94C-A3A3-9FC6A8766013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7A6DDD06-5F41-F94C-A23F-EE0A0CACD45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DF6DD067-B6DE-314E-A612-7FB34DC9928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9908E038-4AA5-E94B-9468-050DB70062E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F6DA692A-942C-814E-9861-D99EAB3BBA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228627"/>
            <a:ext cx="5446339" cy="752101"/>
          </a:xfrm>
        </p:spPr>
        <p:txBody>
          <a:bodyPr/>
          <a:lstStyle/>
          <a:p>
            <a:r>
              <a:rPr lang="en-GB" sz="4000" dirty="0"/>
              <a:t>Acknowledgements</a:t>
            </a:r>
            <a:endParaRPr lang="en-GB" sz="4000" cap="none" dirty="0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5662364" y="228626"/>
            <a:ext cx="633670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5446340" y="3356992"/>
            <a:ext cx="674248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5662365" y="955754"/>
            <a:ext cx="6336704" cy="21852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4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4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4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 err="1">
                <a:latin typeface="+mn-lt"/>
              </a:rPr>
              <a:t>Mailund</a:t>
            </a:r>
            <a:r>
              <a:rPr lang="en-GB" sz="1400" dirty="0">
                <a:latin typeface="+mn-lt"/>
              </a:rPr>
              <a:t>, T., </a:t>
            </a:r>
            <a:r>
              <a:rPr lang="en-GB" sz="1400" dirty="0" err="1">
                <a:latin typeface="+mn-lt"/>
              </a:rPr>
              <a:t>Dutheil</a:t>
            </a:r>
            <a:r>
              <a:rPr lang="en-GB" sz="1400" dirty="0">
                <a:latin typeface="+mn-lt"/>
              </a:rPr>
              <a:t>, J. Y., </a:t>
            </a:r>
            <a:r>
              <a:rPr lang="en-GB" sz="1400" dirty="0" err="1">
                <a:latin typeface="+mn-lt"/>
              </a:rPr>
              <a:t>Hobolth</a:t>
            </a:r>
            <a:r>
              <a:rPr lang="en-GB" sz="1400" dirty="0">
                <a:latin typeface="+mn-lt"/>
              </a:rPr>
              <a:t>, A., </a:t>
            </a:r>
            <a:r>
              <a:rPr lang="en-GB" sz="1400" dirty="0" err="1">
                <a:latin typeface="+mn-lt"/>
              </a:rPr>
              <a:t>Lunter</a:t>
            </a:r>
            <a:r>
              <a:rPr lang="en-GB" sz="1400" dirty="0">
                <a:latin typeface="+mn-lt"/>
              </a:rPr>
              <a:t>, G., &amp; </a:t>
            </a:r>
            <a:r>
              <a:rPr lang="en-GB" sz="1400" dirty="0" err="1">
                <a:latin typeface="+mn-lt"/>
              </a:rPr>
              <a:t>Schierup</a:t>
            </a:r>
            <a:r>
              <a:rPr lang="en-GB" sz="14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400" i="1" dirty="0" err="1">
                <a:latin typeface="+mn-lt"/>
              </a:rPr>
              <a:t>PLoS</a:t>
            </a:r>
            <a:r>
              <a:rPr lang="en-GB" sz="1400" i="1" dirty="0">
                <a:latin typeface="+mn-lt"/>
              </a:rPr>
              <a:t> genetics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7</a:t>
            </a:r>
            <a:r>
              <a:rPr lang="en-GB" sz="14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4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400" i="1" dirty="0">
                <a:latin typeface="+mn-lt"/>
              </a:rPr>
              <a:t>Nature</a:t>
            </a:r>
            <a:r>
              <a:rPr lang="en-GB" sz="1400" dirty="0">
                <a:latin typeface="+mn-lt"/>
              </a:rPr>
              <a:t>, </a:t>
            </a:r>
            <a:r>
              <a:rPr lang="en-GB" sz="1400" i="1" dirty="0">
                <a:latin typeface="+mn-lt"/>
              </a:rPr>
              <a:t>475</a:t>
            </a:r>
            <a:r>
              <a:rPr lang="en-GB" sz="1400" dirty="0">
                <a:latin typeface="+mn-lt"/>
              </a:rPr>
              <a:t>(7357), 493-496.</a:t>
            </a:r>
            <a:endParaRPr lang="en-DK" sz="14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6072837" y="4132275"/>
            <a:ext cx="1444788" cy="1788786"/>
          </a:xfrm>
          <a:prstGeom prst="rect">
            <a:avLst/>
          </a:prstGeom>
        </p:spPr>
      </p:pic>
      <p:pic>
        <p:nvPicPr>
          <p:cNvPr id="1026" name="Picture 2" descr="Novo Nordisk Fonden støtter fire fremtrædende professorer - Novo Nordisk  Fonden">
            <a:extLst>
              <a:ext uri="{FF2B5EF4-FFF2-40B4-BE49-F238E27FC236}">
                <a16:creationId xmlns:a16="http://schemas.microsoft.com/office/drawing/2014/main" id="{D30F1FB3-CED5-7646-8BCD-C992150A75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1378" y="1115596"/>
            <a:ext cx="1228294" cy="18406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Asger Hobolth - Forskning - Aarhus Universitet">
            <a:extLst>
              <a:ext uri="{FF2B5EF4-FFF2-40B4-BE49-F238E27FC236}">
                <a16:creationId xmlns:a16="http://schemas.microsoft.com/office/drawing/2014/main" id="{7B502005-E310-9146-B324-D32FC4F6F5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84525" y="1105098"/>
            <a:ext cx="1228294" cy="1843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91F2ADC-E155-1E46-BDF0-AB16C0FC90AB}"/>
              </a:ext>
            </a:extLst>
          </p:cNvPr>
          <p:cNvSpPr txBox="1"/>
          <p:nvPr/>
        </p:nvSpPr>
        <p:spPr>
          <a:xfrm>
            <a:off x="932151" y="3083953"/>
            <a:ext cx="171200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Mikkel H. Schierup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A5EB8D6-AFF9-4D43-82CA-F0814F8ECBC7}"/>
              </a:ext>
            </a:extLst>
          </p:cNvPr>
          <p:cNvSpPr txBox="1"/>
          <p:nvPr/>
        </p:nvSpPr>
        <p:spPr>
          <a:xfrm>
            <a:off x="3155066" y="3076707"/>
            <a:ext cx="128721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sger Hobolth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64305F9-9950-3444-A26F-204AF9EC17AB}"/>
              </a:ext>
            </a:extLst>
          </p:cNvPr>
          <p:cNvSpPr txBox="1"/>
          <p:nvPr/>
        </p:nvSpPr>
        <p:spPr>
          <a:xfrm>
            <a:off x="2111961" y="3777975"/>
            <a:ext cx="150047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ulien Y. Dutheil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A2F2789-C63B-BD43-8699-D85E8F0FFDA7}"/>
              </a:ext>
            </a:extLst>
          </p:cNvPr>
          <p:cNvSpPr txBox="1"/>
          <p:nvPr/>
        </p:nvSpPr>
        <p:spPr>
          <a:xfrm>
            <a:off x="1856807" y="5804106"/>
            <a:ext cx="20053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y colleagues at BiRC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FD10FC9-815F-C546-8AD7-BB4BDAC4C31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93812" y="4417629"/>
            <a:ext cx="4294213" cy="1268090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5F519C2D-F583-A04E-A968-F3F4F53F87D1}"/>
              </a:ext>
            </a:extLst>
          </p:cNvPr>
          <p:cNvGrpSpPr/>
          <p:nvPr/>
        </p:nvGrpSpPr>
        <p:grpSpPr>
          <a:xfrm>
            <a:off x="7750596" y="3985265"/>
            <a:ext cx="4032448" cy="1955279"/>
            <a:chOff x="8172919" y="4181694"/>
            <a:chExt cx="4032448" cy="1955279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5AFB8BB0-E6FF-A045-BA6B-F265F8FD1FE7}"/>
                </a:ext>
              </a:extLst>
            </p:cNvPr>
            <p:cNvSpPr/>
            <p:nvPr/>
          </p:nvSpPr>
          <p:spPr>
            <a:xfrm>
              <a:off x="8172919" y="4181694"/>
              <a:ext cx="4032448" cy="195527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Iker Rivas-González – PhD Student</a:t>
              </a:r>
            </a:p>
            <a:p>
              <a:pPr>
                <a:lnSpc>
                  <a:spcPct val="10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Bioinformatics Research Centre (</a:t>
              </a:r>
              <a:r>
                <a:rPr lang="en-GB" sz="1600" dirty="0" err="1">
                  <a:latin typeface="+mn-lt"/>
                </a:rPr>
                <a:t>BiRC</a:t>
              </a:r>
              <a:r>
                <a:rPr lang="en-GB" sz="1600" dirty="0">
                  <a:latin typeface="+mn-lt"/>
                </a:rPr>
                <a:t>)   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GB" sz="1600" dirty="0">
                  <a:latin typeface="+mn-lt"/>
                </a:rPr>
                <a:t>Aarhus University</a:t>
              </a:r>
            </a:p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     </a:t>
              </a:r>
              <a:r>
                <a:rPr lang="en-GB" sz="1600" dirty="0" err="1">
                  <a:latin typeface="+mn-lt"/>
                </a:rPr>
                <a:t>irg@birc.au.dk</a:t>
              </a:r>
              <a:r>
                <a:rPr lang="en-GB" sz="1600" dirty="0">
                  <a:latin typeface="+mn-lt"/>
                </a:rPr>
                <a:t>          @</a:t>
              </a:r>
              <a:r>
                <a:rPr lang="en-GB" sz="1600" dirty="0" err="1">
                  <a:latin typeface="+mn-lt"/>
                </a:rPr>
                <a:t>irg_bio</a:t>
              </a:r>
              <a:endParaRPr lang="en-GB" sz="1600" dirty="0">
                <a:latin typeface="+mn-lt"/>
              </a:endParaRPr>
            </a:p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     t11-rivas-gonzález-phylogenetically</a:t>
              </a:r>
            </a:p>
          </p:txBody>
        </p:sp>
        <p:pic>
          <p:nvPicPr>
            <p:cNvPr id="4" name="Picture 4">
              <a:extLst>
                <a:ext uri="{FF2B5EF4-FFF2-40B4-BE49-F238E27FC236}">
                  <a16:creationId xmlns:a16="http://schemas.microsoft.com/office/drawing/2014/main" id="{93752C27-E7EA-1C4A-9D3B-36919FE2283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246578" y="5402714"/>
              <a:ext cx="230597" cy="18953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Mail Logo Stock-vektor (royaltyfri) 468389300">
              <a:extLst>
                <a:ext uri="{FF2B5EF4-FFF2-40B4-BE49-F238E27FC236}">
                  <a16:creationId xmlns:a16="http://schemas.microsoft.com/office/drawing/2014/main" id="{B0B20B2A-9F8B-104A-912A-C6C0D1E967D2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7476"/>
            <a:stretch/>
          </p:blipFill>
          <p:spPr bwMode="auto">
            <a:xfrm>
              <a:off x="8231794" y="5368938"/>
              <a:ext cx="299399" cy="24088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036" name="Picture 12" descr="Slack sparks further outrage with tweak to new logo | Creative Bloq">
            <a:extLst>
              <a:ext uri="{FF2B5EF4-FFF2-40B4-BE49-F238E27FC236}">
                <a16:creationId xmlns:a16="http://schemas.microsoft.com/office/drawing/2014/main" id="{4C0C8892-C0FD-5E4C-9AFC-B18CEEC772A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234" r="22234"/>
          <a:stretch/>
        </p:blipFill>
        <p:spPr bwMode="auto">
          <a:xfrm>
            <a:off x="7843421" y="5629417"/>
            <a:ext cx="237804" cy="2408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2992E832-CE0A-FA42-8987-67FC4D5D54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D1A50CB-414F-D74D-B31A-2C31FB92B7CA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406640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124744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438167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1053852" y="1397151"/>
            <a:ext cx="10292107" cy="3544017"/>
            <a:chOff x="553410" y="1253135"/>
            <a:chExt cx="8702161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72016" cy="354200"/>
              </a:xfrm>
              <a:prstGeom prst="rect">
                <a:avLst/>
              </a:prstGeom>
              <a:blipFill>
                <a:blip r:embed="rId12"/>
                <a:stretch>
                  <a:fillRect l="-10870" t="-3448" r="-2174" b="-2069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4742506" y="142700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2506" y="1427005"/>
                <a:ext cx="572208" cy="357085"/>
              </a:xfrm>
              <a:prstGeom prst="rect">
                <a:avLst/>
              </a:prstGeom>
              <a:blipFill>
                <a:blip r:embed="rId13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6977299" y="1422135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77299" y="1422135"/>
                <a:ext cx="572208" cy="357085"/>
              </a:xfrm>
              <a:prstGeom prst="rect">
                <a:avLst/>
              </a:prstGeom>
              <a:blipFill>
                <a:blip r:embed="rId14"/>
                <a:stretch>
                  <a:fillRect l="-10870" t="-3333" r="-4348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9263065" y="1428839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63065" y="1428839"/>
                <a:ext cx="572208" cy="357085"/>
              </a:xfrm>
              <a:prstGeom prst="rect">
                <a:avLst/>
              </a:prstGeom>
              <a:blipFill>
                <a:blip r:embed="rId15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4303522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4303522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4303522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4303521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4299273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4299273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6548703" y="354159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6548703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6548703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6548702" y="2804168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6544454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6544454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8813738" y="3537480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881373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881373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8813737" y="2800049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0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880948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880948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16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3849521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3745326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6076934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5972739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8336343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8232148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93663" y="1644024"/>
            <a:ext cx="458159" cy="6336211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/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blipFill>
                <a:blip r:embed="rId17"/>
                <a:stretch>
                  <a:fillRect l="-631" t="-2128" r="-631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1650626" y="2618910"/>
            <a:ext cx="2909479" cy="1620180"/>
            <a:chOff x="2356160" y="2618910"/>
            <a:chExt cx="2909479" cy="1620180"/>
          </a:xfrm>
        </p:grpSpPr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5EF29241-4E1E-A14E-B76B-F917456ABAB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6100" y="2618910"/>
              <a:ext cx="1080120" cy="162018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>
              <a:off x="4006180" y="3000654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 rot="10800000">
              <a:off x="2731740" y="3034566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79</Words>
  <Application>Microsoft Macintosh PowerPoint</Application>
  <PresentationFormat>Custom</PresentationFormat>
  <Paragraphs>226</Paragraphs>
  <Slides>23</Slides>
  <Notes>22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3" baseType="lpstr">
      <vt:lpstr>Cambria Math</vt:lpstr>
      <vt:lpstr>AU Peto</vt:lpstr>
      <vt:lpstr>Calibri</vt:lpstr>
      <vt:lpstr>Arial</vt:lpstr>
      <vt:lpstr>Trebuchet MS</vt:lpstr>
      <vt:lpstr>Georgia</vt:lpstr>
      <vt:lpstr>AU Passata Light</vt:lpstr>
      <vt:lpstr>Wingdings 3</vt:lpstr>
      <vt:lpstr>AU Passata</vt:lpstr>
      <vt:lpstr>AU 16:9</vt:lpstr>
      <vt:lpstr>TRAILS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Discussion</vt:lpstr>
      <vt:lpstr>Discussion</vt:lpstr>
      <vt:lpstr>Discussion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6-13T07:36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